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53B9C" w:rsidRDefault="00332C4A">
      <w:r w:rsidRPr="00332C4A">
        <w:rPr>
          <w:noProof/>
          <w:lang w:eastAsia="pl-PL"/>
        </w:rPr>
        <w:drawing>
          <wp:inline distT="0" distB="0" distL="0" distR="0">
            <wp:extent cx="5760720" cy="4074280"/>
            <wp:effectExtent l="0" t="0" r="0" b="2540"/>
            <wp:docPr id="1" name="Obraz 1" descr="C:\Users\i0054434\Desktop\Skan\list 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054434\Desktop\Skan\list 1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0742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32C4A" w:rsidRDefault="00332C4A">
      <w:r w:rsidRPr="00332C4A">
        <w:rPr>
          <w:noProof/>
          <w:lang w:eastAsia="pl-PL"/>
        </w:rPr>
        <w:drawing>
          <wp:inline distT="0" distB="0" distL="0" distR="0">
            <wp:extent cx="5760720" cy="4074280"/>
            <wp:effectExtent l="0" t="0" r="0" b="2540"/>
            <wp:docPr id="2" name="Obraz 2" descr="C:\Users\i0054434\Desktop\Skan\list 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0054434\Desktop\Skan\list 2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0742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332C4A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EE"/>
    <w:family w:val="swiss"/>
    <w:pitch w:val="variable"/>
    <w:sig w:usb0="E0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30"/>
  <w:proofState w:spelling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32C4A"/>
    <w:rsid w:val="00332C4A"/>
    <w:rsid w:val="00553B9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24D6662-5B4C-41EB-9ECC-4A91C6984FC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ny">
    <w:name w:val="Normal"/>
    <w:qFormat/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0</Words>
  <Characters>3</Characters>
  <Application>Microsoft Office Word</Application>
  <DocSecurity>0</DocSecurity>
  <Lines>1</Lines>
  <Paragraphs>1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>Zentiva</Company>
  <LinksUpToDate>false</LinksUpToDate>
  <CharactersWithSpaces>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iech, Grzegorz /PL</dc:creator>
  <cp:keywords/>
  <dc:description/>
  <cp:lastModifiedBy>Piech, Grzegorz /PL</cp:lastModifiedBy>
  <cp:revision>1</cp:revision>
  <dcterms:created xsi:type="dcterms:W3CDTF">2020-06-03T08:52:00Z</dcterms:created>
  <dcterms:modified xsi:type="dcterms:W3CDTF">2020-06-03T08:53:00Z</dcterms:modified>
</cp:coreProperties>
</file>